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13" sheetId="10" r:id="rId1"/>
  </sheets>
  <calcPr calcId="145621"/>
</workbook>
</file>

<file path=xl/sharedStrings.xml><?xml version="1.0" encoding="utf-8"?>
<sst xmlns="http://schemas.openxmlformats.org/spreadsheetml/2006/main" count="129" uniqueCount="63">
  <si>
    <t>男</t>
    <rPh sb="0" eb="1">
      <t>オトコ</t>
    </rPh>
    <phoneticPr fontId="1"/>
  </si>
  <si>
    <t>女</t>
    <rPh sb="0" eb="1">
      <t>オンナ</t>
    </rPh>
    <phoneticPr fontId="1"/>
  </si>
  <si>
    <t>計</t>
    <rPh sb="0" eb="1">
      <t>ケイ</t>
    </rPh>
    <phoneticPr fontId="1"/>
  </si>
  <si>
    <t>その他</t>
    <rPh sb="2" eb="3">
      <t>タ</t>
    </rPh>
    <phoneticPr fontId="1"/>
  </si>
  <si>
    <t>（単位：人）</t>
    <rPh sb="1" eb="3">
      <t>タンイ</t>
    </rPh>
    <rPh sb="4" eb="5">
      <t>ヒト</t>
    </rPh>
    <phoneticPr fontId="1"/>
  </si>
  <si>
    <t>県内</t>
    <rPh sb="0" eb="2">
      <t>ケンナイ</t>
    </rPh>
    <phoneticPr fontId="1"/>
  </si>
  <si>
    <t>県外</t>
    <rPh sb="0" eb="2">
      <t>ケンガイ</t>
    </rPh>
    <phoneticPr fontId="1"/>
  </si>
  <si>
    <t>資料：学校基本調査（県単独調査）</t>
    <rPh sb="0" eb="2">
      <t>シリョウ</t>
    </rPh>
    <rPh sb="3" eb="5">
      <t>ガッコウ</t>
    </rPh>
    <rPh sb="5" eb="7">
      <t>キホン</t>
    </rPh>
    <rPh sb="7" eb="9">
      <t>チョウサ</t>
    </rPh>
    <rPh sb="10" eb="11">
      <t>ケン</t>
    </rPh>
    <rPh sb="11" eb="13">
      <t>タンドク</t>
    </rPh>
    <rPh sb="13" eb="15">
      <t>チョウサ</t>
    </rPh>
    <phoneticPr fontId="1"/>
  </si>
  <si>
    <t>進学者総数</t>
    <rPh sb="0" eb="3">
      <t>シンガクシャ</t>
    </rPh>
    <rPh sb="3" eb="5">
      <t>ソウスウ</t>
    </rPh>
    <phoneticPr fontId="1"/>
  </si>
  <si>
    <t>北海道</t>
    <rPh sb="0" eb="3">
      <t>ホッカイドウ</t>
    </rPh>
    <phoneticPr fontId="1"/>
  </si>
  <si>
    <t>青森</t>
    <rPh sb="0" eb="2">
      <t>アオモリ</t>
    </rPh>
    <phoneticPr fontId="1"/>
  </si>
  <si>
    <t>岩手</t>
    <rPh sb="0" eb="2">
      <t>イワテ</t>
    </rPh>
    <phoneticPr fontId="1"/>
  </si>
  <si>
    <t>宮城</t>
    <rPh sb="0" eb="2">
      <t>ミヤギ</t>
    </rPh>
    <phoneticPr fontId="1"/>
  </si>
  <si>
    <t>秋田</t>
    <rPh sb="0" eb="2">
      <t>アキタ</t>
    </rPh>
    <phoneticPr fontId="1"/>
  </si>
  <si>
    <t>山形</t>
    <rPh sb="0" eb="2">
      <t>ヤマガタ</t>
    </rPh>
    <phoneticPr fontId="1"/>
  </si>
  <si>
    <t>福島</t>
    <rPh sb="0" eb="2">
      <t>フクシマ</t>
    </rPh>
    <phoneticPr fontId="1"/>
  </si>
  <si>
    <t>茨城</t>
    <rPh sb="0" eb="2">
      <t>イバラキ</t>
    </rPh>
    <phoneticPr fontId="1"/>
  </si>
  <si>
    <t>栃木</t>
    <rPh sb="0" eb="2">
      <t>トチギ</t>
    </rPh>
    <phoneticPr fontId="1"/>
  </si>
  <si>
    <t>群馬</t>
    <rPh sb="0" eb="2">
      <t>グンマ</t>
    </rPh>
    <phoneticPr fontId="1"/>
  </si>
  <si>
    <t>埼玉</t>
    <rPh sb="0" eb="2">
      <t>サイタマ</t>
    </rPh>
    <phoneticPr fontId="1"/>
  </si>
  <si>
    <t>千葉</t>
    <rPh sb="0" eb="2">
      <t>チバ</t>
    </rPh>
    <phoneticPr fontId="1"/>
  </si>
  <si>
    <t>東京</t>
    <rPh sb="0" eb="2">
      <t>トウキョウ</t>
    </rPh>
    <phoneticPr fontId="1"/>
  </si>
  <si>
    <t>神奈川</t>
    <rPh sb="0" eb="3">
      <t>カナガワ</t>
    </rPh>
    <phoneticPr fontId="1"/>
  </si>
  <si>
    <t>新潟</t>
    <rPh sb="0" eb="2">
      <t>ニイガタ</t>
    </rPh>
    <phoneticPr fontId="1"/>
  </si>
  <si>
    <t>富山</t>
    <rPh sb="0" eb="2">
      <t>トヤマ</t>
    </rPh>
    <phoneticPr fontId="1"/>
  </si>
  <si>
    <t>石川</t>
    <rPh sb="0" eb="2">
      <t>イシカワ</t>
    </rPh>
    <phoneticPr fontId="1"/>
  </si>
  <si>
    <t>福井</t>
    <rPh sb="0" eb="2">
      <t>フクイ</t>
    </rPh>
    <phoneticPr fontId="1"/>
  </si>
  <si>
    <t>山梨</t>
    <rPh sb="0" eb="2">
      <t>ヤマナシ</t>
    </rPh>
    <phoneticPr fontId="1"/>
  </si>
  <si>
    <t>岐阜</t>
    <rPh sb="0" eb="2">
      <t>ギフ</t>
    </rPh>
    <phoneticPr fontId="1"/>
  </si>
  <si>
    <t>静岡</t>
    <rPh sb="0" eb="2">
      <t>シズオカ</t>
    </rPh>
    <phoneticPr fontId="1"/>
  </si>
  <si>
    <t>愛知</t>
    <rPh sb="0" eb="2">
      <t>アイチ</t>
    </rPh>
    <phoneticPr fontId="1"/>
  </si>
  <si>
    <t>三重</t>
    <rPh sb="0" eb="2">
      <t>ミエ</t>
    </rPh>
    <phoneticPr fontId="1"/>
  </si>
  <si>
    <t>滋賀</t>
    <rPh sb="0" eb="2">
      <t>シガ</t>
    </rPh>
    <phoneticPr fontId="1"/>
  </si>
  <si>
    <t>京都</t>
    <rPh sb="0" eb="2">
      <t>キョウト</t>
    </rPh>
    <phoneticPr fontId="1"/>
  </si>
  <si>
    <t>大阪</t>
    <rPh sb="0" eb="2">
      <t>オオサカ</t>
    </rPh>
    <phoneticPr fontId="1"/>
  </si>
  <si>
    <t>兵庫</t>
    <rPh sb="0" eb="2">
      <t>ヒョウゴ</t>
    </rPh>
    <phoneticPr fontId="1"/>
  </si>
  <si>
    <t>奈良</t>
    <rPh sb="0" eb="2">
      <t>ナラ</t>
    </rPh>
    <phoneticPr fontId="1"/>
  </si>
  <si>
    <t>和歌山</t>
    <rPh sb="0" eb="3">
      <t>ワカヤマ</t>
    </rPh>
    <phoneticPr fontId="1"/>
  </si>
  <si>
    <t>鳥取</t>
    <rPh sb="0" eb="2">
      <t>トットリ</t>
    </rPh>
    <phoneticPr fontId="1"/>
  </si>
  <si>
    <t>島根</t>
    <rPh sb="0" eb="2">
      <t>シマネ</t>
    </rPh>
    <phoneticPr fontId="1"/>
  </si>
  <si>
    <t>岡山</t>
    <rPh sb="0" eb="2">
      <t>オカヤマ</t>
    </rPh>
    <phoneticPr fontId="1"/>
  </si>
  <si>
    <t>広島</t>
    <rPh sb="0" eb="2">
      <t>ヒロシマ</t>
    </rPh>
    <phoneticPr fontId="1"/>
  </si>
  <si>
    <t>山口</t>
    <rPh sb="0" eb="2">
      <t>ヤマグチ</t>
    </rPh>
    <phoneticPr fontId="1"/>
  </si>
  <si>
    <t>徳島</t>
    <rPh sb="0" eb="2">
      <t>トクシマ</t>
    </rPh>
    <phoneticPr fontId="1"/>
  </si>
  <si>
    <t>香川</t>
    <rPh sb="0" eb="2">
      <t>カガワ</t>
    </rPh>
    <phoneticPr fontId="1"/>
  </si>
  <si>
    <t>愛媛</t>
    <rPh sb="0" eb="2">
      <t>エヒメ</t>
    </rPh>
    <phoneticPr fontId="1"/>
  </si>
  <si>
    <t>高知</t>
    <rPh sb="0" eb="2">
      <t>コウチ</t>
    </rPh>
    <phoneticPr fontId="1"/>
  </si>
  <si>
    <t>福岡</t>
    <rPh sb="0" eb="2">
      <t>フクオカ</t>
    </rPh>
    <phoneticPr fontId="1"/>
  </si>
  <si>
    <t>佐賀</t>
    <rPh sb="0" eb="2">
      <t>サガ</t>
    </rPh>
    <phoneticPr fontId="1"/>
  </si>
  <si>
    <t>長崎</t>
    <rPh sb="0" eb="2">
      <t>ナガサキ</t>
    </rPh>
    <phoneticPr fontId="1"/>
  </si>
  <si>
    <t>熊本</t>
    <rPh sb="0" eb="2">
      <t>クマモト</t>
    </rPh>
    <phoneticPr fontId="1"/>
  </si>
  <si>
    <t>大分</t>
    <rPh sb="0" eb="2">
      <t>オオイタ</t>
    </rPh>
    <phoneticPr fontId="1"/>
  </si>
  <si>
    <t>宮崎</t>
    <rPh sb="0" eb="2">
      <t>ミヤザキ</t>
    </rPh>
    <phoneticPr fontId="1"/>
  </si>
  <si>
    <t>鹿児島</t>
    <rPh sb="0" eb="3">
      <t>カゴシマ</t>
    </rPh>
    <phoneticPr fontId="1"/>
  </si>
  <si>
    <t>沖縄</t>
    <rPh sb="0" eb="2">
      <t>オキナワ</t>
    </rPh>
    <phoneticPr fontId="1"/>
  </si>
  <si>
    <t>－高等学校－</t>
    <rPh sb="1" eb="5">
      <t>コウトウガッコウ</t>
    </rPh>
    <phoneticPr fontId="1"/>
  </si>
  <si>
    <t>注）就職者には就職進学者も含まれる。</t>
    <rPh sb="0" eb="1">
      <t>チュウ</t>
    </rPh>
    <rPh sb="2" eb="4">
      <t>シュウショク</t>
    </rPh>
    <rPh sb="4" eb="5">
      <t>シャ</t>
    </rPh>
    <rPh sb="7" eb="9">
      <t>シュウショク</t>
    </rPh>
    <rPh sb="9" eb="12">
      <t>シンガクシャ</t>
    </rPh>
    <rPh sb="13" eb="14">
      <t>フク</t>
    </rPh>
    <phoneticPr fontId="1"/>
  </si>
  <si>
    <t>20-13　卒業者の都道府県別大学等進学者数</t>
    <rPh sb="6" eb="9">
      <t>ソツギョウシャ</t>
    </rPh>
    <rPh sb="10" eb="14">
      <t>トドウフケン</t>
    </rPh>
    <rPh sb="14" eb="15">
      <t>ベツ</t>
    </rPh>
    <rPh sb="15" eb="17">
      <t>ダイガク</t>
    </rPh>
    <rPh sb="17" eb="18">
      <t>トウ</t>
    </rPh>
    <rPh sb="18" eb="21">
      <t>シンガクシャ</t>
    </rPh>
    <rPh sb="21" eb="22">
      <t>カズ</t>
    </rPh>
    <phoneticPr fontId="1"/>
  </si>
  <si>
    <t>-</t>
    <phoneticPr fontId="1"/>
  </si>
  <si>
    <t>平成24年3月</t>
    <rPh sb="0" eb="2">
      <t>ヘイセイ</t>
    </rPh>
    <rPh sb="4" eb="5">
      <t>ネン</t>
    </rPh>
    <rPh sb="6" eb="7">
      <t>ガツ</t>
    </rPh>
    <phoneticPr fontId="1"/>
  </si>
  <si>
    <t>-</t>
  </si>
  <si>
    <t>-</t>
    <phoneticPr fontId="1"/>
  </si>
  <si>
    <t>区分</t>
    <rPh sb="0" eb="2">
      <t>クブ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* #,##0;_ * \-#,##0;_ * &quot;-&quot;;_ @"/>
  </numFmts>
  <fonts count="10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3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  <font>
      <sz val="10"/>
      <name val="明朝"/>
      <family val="1"/>
      <charset val="128"/>
    </font>
    <font>
      <sz val="10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0" fontId="6" fillId="0" borderId="0"/>
  </cellStyleXfs>
  <cellXfs count="26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49" fontId="2" fillId="0" borderId="0" xfId="0" applyNumberFormat="1" applyFont="1" applyAlignment="1">
      <alignment vertical="center"/>
    </xf>
    <xf numFmtId="0" fontId="5" fillId="0" borderId="2" xfId="0" quotePrefix="1" applyFont="1" applyBorder="1" applyAlignment="1">
      <alignment horizontal="center" vertical="center"/>
    </xf>
    <xf numFmtId="176" fontId="7" fillId="0" borderId="3" xfId="1" applyNumberFormat="1" applyFont="1" applyFill="1" applyBorder="1" applyAlignment="1">
      <alignment horizontal="right" vertical="center"/>
    </xf>
    <xf numFmtId="176" fontId="7" fillId="0" borderId="0" xfId="1" applyNumberFormat="1" applyFont="1" applyFill="1" applyBorder="1" applyAlignment="1">
      <alignment horizontal="right" vertical="center"/>
    </xf>
    <xf numFmtId="0" fontId="4" fillId="0" borderId="0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4" fillId="0" borderId="0" xfId="0" applyFont="1" applyBorder="1" applyAlignment="1">
      <alignment horizontal="right" vertical="center"/>
    </xf>
    <xf numFmtId="176" fontId="9" fillId="0" borderId="3" xfId="1" applyNumberFormat="1" applyFont="1" applyFill="1" applyBorder="1" applyAlignment="1">
      <alignment horizontal="right" vertical="center"/>
    </xf>
    <xf numFmtId="176" fontId="9" fillId="0" borderId="0" xfId="1" applyNumberFormat="1" applyFont="1" applyFill="1" applyAlignment="1">
      <alignment horizontal="right" vertical="center"/>
    </xf>
    <xf numFmtId="176" fontId="9" fillId="0" borderId="0" xfId="1" applyNumberFormat="1" applyFont="1" applyFill="1" applyBorder="1" applyAlignment="1">
      <alignment horizontal="right" vertical="center"/>
    </xf>
    <xf numFmtId="0" fontId="3" fillId="0" borderId="1" xfId="0" applyFont="1" applyBorder="1" applyAlignment="1">
      <alignment horizontal="center" vertical="distributed" textRotation="255"/>
    </xf>
    <xf numFmtId="0" fontId="8" fillId="0" borderId="1" xfId="0" applyFont="1" applyBorder="1" applyAlignment="1">
      <alignment horizontal="center" vertical="distributed" textRotation="255"/>
    </xf>
    <xf numFmtId="0" fontId="4" fillId="0" borderId="1" xfId="0" applyFont="1" applyBorder="1" applyAlignment="1">
      <alignment horizontal="center" vertical="distributed" textRotation="255"/>
    </xf>
    <xf numFmtId="0" fontId="8" fillId="0" borderId="4" xfId="0" applyFont="1" applyBorder="1" applyAlignment="1">
      <alignment horizontal="center" vertical="distributed" textRotation="255"/>
    </xf>
    <xf numFmtId="0" fontId="4" fillId="0" borderId="4" xfId="0" applyFont="1" applyBorder="1" applyAlignment="1">
      <alignment horizontal="center" vertical="distributed" textRotation="255"/>
    </xf>
    <xf numFmtId="0" fontId="3" fillId="0" borderId="5" xfId="0" applyFont="1" applyBorder="1" applyAlignment="1">
      <alignment horizontal="center" vertical="distributed" textRotation="255"/>
    </xf>
    <xf numFmtId="0" fontId="4" fillId="0" borderId="6" xfId="0" applyFont="1" applyBorder="1" applyAlignment="1">
      <alignment horizontal="center" vertical="center" wrapText="1"/>
    </xf>
    <xf numFmtId="0" fontId="4" fillId="0" borderId="7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textRotation="255"/>
    </xf>
  </cellXfs>
  <cellStyles count="2">
    <cellStyle name="標準" xfId="0" builtinId="0"/>
    <cellStyle name="標準_B04IKT40_第112･113表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A13"/>
  <sheetViews>
    <sheetView tabSelected="1" zoomScaleNormal="100" workbookViewId="0">
      <pane ySplit="3" topLeftCell="A4" activePane="bottomLeft" state="frozen"/>
      <selection pane="bottomLeft"/>
    </sheetView>
  </sheetViews>
  <sheetFormatPr defaultRowHeight="13.5"/>
  <cols>
    <col min="1" max="1" width="9.625" style="2" customWidth="1"/>
    <col min="2" max="4" width="3.75" style="2" customWidth="1"/>
    <col min="5" max="6" width="3.625" style="2" customWidth="1"/>
    <col min="7" max="18" width="2.875" style="2" customWidth="1"/>
    <col min="19" max="19" width="3.375" style="2" customWidth="1"/>
    <col min="20" max="24" width="2.875" style="2" customWidth="1"/>
    <col min="25" max="52" width="3.125" style="2" customWidth="1"/>
    <col min="53" max="53" width="4.375" style="2" customWidth="1"/>
    <col min="54" max="16384" width="9" style="2"/>
  </cols>
  <sheetData>
    <row r="1" spans="1:53" ht="18.75" customHeight="1">
      <c r="A1" s="1" t="s">
        <v>57</v>
      </c>
      <c r="M1" s="6" t="s">
        <v>55</v>
      </c>
      <c r="BA1" s="3" t="s">
        <v>4</v>
      </c>
    </row>
    <row r="2" spans="1:53" ht="27.75" customHeight="1">
      <c r="A2" s="22" t="s">
        <v>62</v>
      </c>
      <c r="B2" s="24" t="s">
        <v>8</v>
      </c>
      <c r="C2" s="24"/>
      <c r="D2" s="24"/>
      <c r="E2" s="25" t="s">
        <v>5</v>
      </c>
      <c r="F2" s="25" t="s">
        <v>6</v>
      </c>
      <c r="G2" s="17" t="s">
        <v>9</v>
      </c>
      <c r="H2" s="16" t="s">
        <v>10</v>
      </c>
      <c r="I2" s="16" t="s">
        <v>11</v>
      </c>
      <c r="J2" s="16" t="s">
        <v>12</v>
      </c>
      <c r="K2" s="16" t="s">
        <v>13</v>
      </c>
      <c r="L2" s="16" t="s">
        <v>14</v>
      </c>
      <c r="M2" s="16" t="s">
        <v>15</v>
      </c>
      <c r="N2" s="16" t="s">
        <v>16</v>
      </c>
      <c r="O2" s="16" t="s">
        <v>17</v>
      </c>
      <c r="P2" s="16" t="s">
        <v>18</v>
      </c>
      <c r="Q2" s="16" t="s">
        <v>19</v>
      </c>
      <c r="R2" s="16" t="s">
        <v>20</v>
      </c>
      <c r="S2" s="16" t="s">
        <v>21</v>
      </c>
      <c r="T2" s="17" t="s">
        <v>22</v>
      </c>
      <c r="U2" s="16" t="s">
        <v>23</v>
      </c>
      <c r="V2" s="16" t="s">
        <v>24</v>
      </c>
      <c r="W2" s="16" t="s">
        <v>25</v>
      </c>
      <c r="X2" s="16" t="s">
        <v>26</v>
      </c>
      <c r="Y2" s="16" t="s">
        <v>27</v>
      </c>
      <c r="Z2" s="16" t="s">
        <v>28</v>
      </c>
      <c r="AA2" s="21" t="s">
        <v>29</v>
      </c>
      <c r="AB2" s="16" t="s">
        <v>30</v>
      </c>
      <c r="AC2" s="16" t="s">
        <v>31</v>
      </c>
      <c r="AD2" s="16" t="s">
        <v>32</v>
      </c>
      <c r="AE2" s="16" t="s">
        <v>33</v>
      </c>
      <c r="AF2" s="16" t="s">
        <v>34</v>
      </c>
      <c r="AG2" s="16" t="s">
        <v>35</v>
      </c>
      <c r="AH2" s="16" t="s">
        <v>36</v>
      </c>
      <c r="AI2" s="17" t="s">
        <v>37</v>
      </c>
      <c r="AJ2" s="16" t="s">
        <v>38</v>
      </c>
      <c r="AK2" s="16" t="s">
        <v>39</v>
      </c>
      <c r="AL2" s="16" t="s">
        <v>40</v>
      </c>
      <c r="AM2" s="16" t="s">
        <v>41</v>
      </c>
      <c r="AN2" s="16" t="s">
        <v>42</v>
      </c>
      <c r="AO2" s="16" t="s">
        <v>43</v>
      </c>
      <c r="AP2" s="16" t="s">
        <v>44</v>
      </c>
      <c r="AQ2" s="16" t="s">
        <v>45</v>
      </c>
      <c r="AR2" s="16" t="s">
        <v>46</v>
      </c>
      <c r="AS2" s="16" t="s">
        <v>47</v>
      </c>
      <c r="AT2" s="16" t="s">
        <v>48</v>
      </c>
      <c r="AU2" s="16" t="s">
        <v>49</v>
      </c>
      <c r="AV2" s="16" t="s">
        <v>50</v>
      </c>
      <c r="AW2" s="16" t="s">
        <v>51</v>
      </c>
      <c r="AX2" s="16" t="s">
        <v>52</v>
      </c>
      <c r="AY2" s="17" t="s">
        <v>53</v>
      </c>
      <c r="AZ2" s="16" t="s">
        <v>54</v>
      </c>
      <c r="BA2" s="19" t="s">
        <v>3</v>
      </c>
    </row>
    <row r="3" spans="1:53">
      <c r="A3" s="23"/>
      <c r="B3" s="4" t="s">
        <v>2</v>
      </c>
      <c r="C3" s="4" t="s">
        <v>0</v>
      </c>
      <c r="D3" s="4" t="s">
        <v>1</v>
      </c>
      <c r="E3" s="25"/>
      <c r="F3" s="25"/>
      <c r="G3" s="18"/>
      <c r="H3" s="16"/>
      <c r="I3" s="16"/>
      <c r="J3" s="16"/>
      <c r="K3" s="16"/>
      <c r="L3" s="16"/>
      <c r="M3" s="16"/>
      <c r="N3" s="16"/>
      <c r="O3" s="16"/>
      <c r="P3" s="16"/>
      <c r="Q3" s="16"/>
      <c r="R3" s="16"/>
      <c r="S3" s="16"/>
      <c r="T3" s="18"/>
      <c r="U3" s="16"/>
      <c r="V3" s="16"/>
      <c r="W3" s="16"/>
      <c r="X3" s="16"/>
      <c r="Y3" s="16"/>
      <c r="Z3" s="16"/>
      <c r="AA3" s="21"/>
      <c r="AB3" s="16"/>
      <c r="AC3" s="16"/>
      <c r="AD3" s="16"/>
      <c r="AE3" s="16"/>
      <c r="AF3" s="16"/>
      <c r="AG3" s="16"/>
      <c r="AH3" s="16"/>
      <c r="AI3" s="18"/>
      <c r="AJ3" s="16"/>
      <c r="AK3" s="16"/>
      <c r="AL3" s="16"/>
      <c r="AM3" s="16"/>
      <c r="AN3" s="16"/>
      <c r="AO3" s="16"/>
      <c r="AP3" s="16"/>
      <c r="AQ3" s="16"/>
      <c r="AR3" s="16"/>
      <c r="AS3" s="16"/>
      <c r="AT3" s="16"/>
      <c r="AU3" s="16"/>
      <c r="AV3" s="16"/>
      <c r="AW3" s="16"/>
      <c r="AX3" s="16"/>
      <c r="AY3" s="18"/>
      <c r="AZ3" s="16"/>
      <c r="BA3" s="20"/>
    </row>
    <row r="4" spans="1:53" ht="57.75" customHeight="1">
      <c r="A4" s="7" t="s">
        <v>59</v>
      </c>
      <c r="B4" s="8">
        <v>760</v>
      </c>
      <c r="C4" s="9">
        <v>399</v>
      </c>
      <c r="D4" s="9">
        <v>361</v>
      </c>
      <c r="E4" s="9">
        <v>153</v>
      </c>
      <c r="F4" s="9">
        <v>607</v>
      </c>
      <c r="G4" s="9">
        <v>3</v>
      </c>
      <c r="H4" s="9">
        <v>3</v>
      </c>
      <c r="I4" s="9">
        <v>2</v>
      </c>
      <c r="J4" s="9">
        <v>7</v>
      </c>
      <c r="K4" s="9">
        <v>2</v>
      </c>
      <c r="L4" s="9">
        <v>3</v>
      </c>
      <c r="M4" s="9">
        <v>0</v>
      </c>
      <c r="N4" s="9">
        <v>8</v>
      </c>
      <c r="O4" s="9">
        <v>8</v>
      </c>
      <c r="P4" s="9">
        <v>53</v>
      </c>
      <c r="Q4" s="9">
        <v>54</v>
      </c>
      <c r="R4" s="9">
        <v>27</v>
      </c>
      <c r="S4" s="9">
        <v>245</v>
      </c>
      <c r="T4" s="9">
        <v>76</v>
      </c>
      <c r="U4" s="9">
        <v>21</v>
      </c>
      <c r="V4" s="9">
        <v>6</v>
      </c>
      <c r="W4" s="9">
        <v>12</v>
      </c>
      <c r="X4" s="9">
        <v>0</v>
      </c>
      <c r="Y4" s="9">
        <v>24</v>
      </c>
      <c r="Z4" s="9">
        <v>5</v>
      </c>
      <c r="AA4" s="9">
        <v>6</v>
      </c>
      <c r="AB4" s="9">
        <v>13</v>
      </c>
      <c r="AC4" s="9">
        <v>2</v>
      </c>
      <c r="AD4" s="9">
        <v>0</v>
      </c>
      <c r="AE4" s="9">
        <v>11</v>
      </c>
      <c r="AF4" s="9">
        <v>4</v>
      </c>
      <c r="AG4" s="9">
        <v>2</v>
      </c>
      <c r="AH4" s="9">
        <v>3</v>
      </c>
      <c r="AI4" s="9">
        <v>1</v>
      </c>
      <c r="AJ4" s="9">
        <v>0</v>
      </c>
      <c r="AK4" s="9">
        <v>0</v>
      </c>
      <c r="AL4" s="9">
        <v>1</v>
      </c>
      <c r="AM4" s="9">
        <v>2</v>
      </c>
      <c r="AN4" s="9">
        <v>0</v>
      </c>
      <c r="AO4" s="9">
        <v>0</v>
      </c>
      <c r="AP4" s="9">
        <v>0</v>
      </c>
      <c r="AQ4" s="9">
        <v>0</v>
      </c>
      <c r="AR4" s="9">
        <v>0</v>
      </c>
      <c r="AS4" s="9">
        <v>0</v>
      </c>
      <c r="AT4" s="9">
        <v>0</v>
      </c>
      <c r="AU4" s="9">
        <v>0</v>
      </c>
      <c r="AV4" s="9">
        <v>1</v>
      </c>
      <c r="AW4" s="9">
        <v>0</v>
      </c>
      <c r="AX4" s="9">
        <v>1</v>
      </c>
      <c r="AY4" s="9">
        <v>1</v>
      </c>
      <c r="AZ4" s="9">
        <v>0</v>
      </c>
      <c r="BA4" s="12" t="s">
        <v>58</v>
      </c>
    </row>
    <row r="5" spans="1:53" ht="57.75" customHeight="1">
      <c r="A5" s="7">
        <v>25</v>
      </c>
      <c r="B5" s="9">
        <v>736</v>
      </c>
      <c r="C5" s="9">
        <v>383</v>
      </c>
      <c r="D5" s="9">
        <v>353</v>
      </c>
      <c r="E5" s="9">
        <v>152</v>
      </c>
      <c r="F5" s="9">
        <v>584</v>
      </c>
      <c r="G5" s="9">
        <v>8</v>
      </c>
      <c r="H5" s="9">
        <v>1</v>
      </c>
      <c r="I5" s="9">
        <v>2</v>
      </c>
      <c r="J5" s="9">
        <v>5</v>
      </c>
      <c r="K5" s="9">
        <v>1</v>
      </c>
      <c r="L5" s="9">
        <v>1</v>
      </c>
      <c r="M5" s="9">
        <v>3</v>
      </c>
      <c r="N5" s="9">
        <v>9</v>
      </c>
      <c r="O5" s="9">
        <v>6</v>
      </c>
      <c r="P5" s="9">
        <v>48</v>
      </c>
      <c r="Q5" s="9">
        <v>45</v>
      </c>
      <c r="R5" s="9">
        <v>33</v>
      </c>
      <c r="S5" s="9">
        <v>248</v>
      </c>
      <c r="T5" s="9">
        <v>55</v>
      </c>
      <c r="U5" s="9">
        <v>18</v>
      </c>
      <c r="V5" s="9">
        <v>3</v>
      </c>
      <c r="W5" s="9">
        <v>12</v>
      </c>
      <c r="X5" s="9">
        <v>0</v>
      </c>
      <c r="Y5" s="9">
        <v>28</v>
      </c>
      <c r="Z5" s="9">
        <v>4</v>
      </c>
      <c r="AA5" s="9">
        <v>10</v>
      </c>
      <c r="AB5" s="9">
        <v>18</v>
      </c>
      <c r="AC5" s="9">
        <v>3</v>
      </c>
      <c r="AD5" s="9">
        <v>1</v>
      </c>
      <c r="AE5" s="9">
        <v>8</v>
      </c>
      <c r="AF5" s="9">
        <v>4</v>
      </c>
      <c r="AG5" s="9">
        <v>2</v>
      </c>
      <c r="AH5" s="9">
        <v>2</v>
      </c>
      <c r="AI5" s="9">
        <v>0</v>
      </c>
      <c r="AJ5" s="9">
        <v>0</v>
      </c>
      <c r="AK5" s="9">
        <v>2</v>
      </c>
      <c r="AL5" s="9">
        <v>0</v>
      </c>
      <c r="AM5" s="9">
        <v>0</v>
      </c>
      <c r="AN5" s="9">
        <v>1</v>
      </c>
      <c r="AO5" s="9">
        <v>0</v>
      </c>
      <c r="AP5" s="9">
        <v>1</v>
      </c>
      <c r="AQ5" s="9">
        <v>0</v>
      </c>
      <c r="AR5" s="9">
        <v>0</v>
      </c>
      <c r="AS5" s="9">
        <v>0</v>
      </c>
      <c r="AT5" s="9">
        <v>0</v>
      </c>
      <c r="AU5" s="9">
        <v>0</v>
      </c>
      <c r="AV5" s="9">
        <v>1</v>
      </c>
      <c r="AW5" s="9">
        <v>1</v>
      </c>
      <c r="AX5" s="9">
        <v>0</v>
      </c>
      <c r="AY5" s="9">
        <v>0</v>
      </c>
      <c r="AZ5" s="9">
        <v>0</v>
      </c>
      <c r="BA5" s="12" t="s">
        <v>60</v>
      </c>
    </row>
    <row r="6" spans="1:53" ht="57.75" customHeight="1">
      <c r="A6" s="7">
        <v>26</v>
      </c>
      <c r="B6" s="9">
        <v>731</v>
      </c>
      <c r="C6" s="9">
        <v>341</v>
      </c>
      <c r="D6" s="9">
        <v>390</v>
      </c>
      <c r="E6" s="9">
        <v>134</v>
      </c>
      <c r="F6" s="9">
        <v>597</v>
      </c>
      <c r="G6" s="9">
        <v>9</v>
      </c>
      <c r="H6" s="9">
        <v>0</v>
      </c>
      <c r="I6" s="9">
        <v>5</v>
      </c>
      <c r="J6" s="9">
        <v>3</v>
      </c>
      <c r="K6" s="9">
        <v>1</v>
      </c>
      <c r="L6" s="9">
        <v>1</v>
      </c>
      <c r="M6" s="9">
        <v>5</v>
      </c>
      <c r="N6" s="9">
        <v>4</v>
      </c>
      <c r="O6" s="9">
        <v>12</v>
      </c>
      <c r="P6" s="9">
        <v>53</v>
      </c>
      <c r="Q6" s="9">
        <v>48</v>
      </c>
      <c r="R6" s="9">
        <v>29</v>
      </c>
      <c r="S6" s="9">
        <v>269</v>
      </c>
      <c r="T6" s="9">
        <v>46</v>
      </c>
      <c r="U6" s="9">
        <v>15</v>
      </c>
      <c r="V6" s="9">
        <v>9</v>
      </c>
      <c r="W6" s="9">
        <v>9</v>
      </c>
      <c r="X6" s="9">
        <v>4</v>
      </c>
      <c r="Y6" s="9">
        <v>24</v>
      </c>
      <c r="Z6" s="9">
        <v>6</v>
      </c>
      <c r="AA6" s="9">
        <v>6</v>
      </c>
      <c r="AB6" s="9">
        <v>14</v>
      </c>
      <c r="AC6" s="9">
        <v>0</v>
      </c>
      <c r="AD6" s="9">
        <v>2</v>
      </c>
      <c r="AE6" s="9">
        <v>7</v>
      </c>
      <c r="AF6" s="9">
        <v>4</v>
      </c>
      <c r="AG6" s="9">
        <v>3</v>
      </c>
      <c r="AH6" s="9">
        <v>1</v>
      </c>
      <c r="AI6" s="9">
        <v>1</v>
      </c>
      <c r="AJ6" s="9">
        <v>0</v>
      </c>
      <c r="AK6" s="9">
        <v>0</v>
      </c>
      <c r="AL6" s="9">
        <v>0</v>
      </c>
      <c r="AM6" s="9">
        <v>0</v>
      </c>
      <c r="AN6" s="9">
        <v>0</v>
      </c>
      <c r="AO6" s="9">
        <v>0</v>
      </c>
      <c r="AP6" s="9">
        <v>0</v>
      </c>
      <c r="AQ6" s="9">
        <v>0</v>
      </c>
      <c r="AR6" s="9">
        <v>0</v>
      </c>
      <c r="AS6" s="9">
        <v>2</v>
      </c>
      <c r="AT6" s="9">
        <v>0</v>
      </c>
      <c r="AU6" s="9">
        <v>1</v>
      </c>
      <c r="AV6" s="9">
        <v>0</v>
      </c>
      <c r="AW6" s="9">
        <v>2</v>
      </c>
      <c r="AX6" s="9">
        <v>0</v>
      </c>
      <c r="AY6" s="9">
        <v>1</v>
      </c>
      <c r="AZ6" s="9">
        <v>1</v>
      </c>
      <c r="BA6" s="12" t="s">
        <v>60</v>
      </c>
    </row>
    <row r="7" spans="1:53" ht="57.75" customHeight="1">
      <c r="A7" s="7">
        <v>27</v>
      </c>
      <c r="B7" s="9">
        <v>702</v>
      </c>
      <c r="C7" s="9">
        <v>352</v>
      </c>
      <c r="D7" s="9">
        <v>350</v>
      </c>
      <c r="E7" s="9">
        <v>133</v>
      </c>
      <c r="F7" s="9">
        <v>569</v>
      </c>
      <c r="G7" s="9">
        <v>4</v>
      </c>
      <c r="H7" s="9">
        <v>1</v>
      </c>
      <c r="I7" s="9">
        <v>4</v>
      </c>
      <c r="J7" s="9">
        <v>1</v>
      </c>
      <c r="K7" s="9">
        <v>2</v>
      </c>
      <c r="L7" s="9">
        <v>3</v>
      </c>
      <c r="M7" s="9">
        <v>8</v>
      </c>
      <c r="N7" s="9">
        <v>5</v>
      </c>
      <c r="O7" s="9">
        <v>10</v>
      </c>
      <c r="P7" s="9">
        <v>48</v>
      </c>
      <c r="Q7" s="9">
        <v>43</v>
      </c>
      <c r="R7" s="9">
        <v>20</v>
      </c>
      <c r="S7" s="9">
        <v>238</v>
      </c>
      <c r="T7" s="9">
        <v>49</v>
      </c>
      <c r="U7" s="9">
        <v>23</v>
      </c>
      <c r="V7" s="9">
        <v>12</v>
      </c>
      <c r="W7" s="9">
        <v>13</v>
      </c>
      <c r="X7" s="9">
        <v>2</v>
      </c>
      <c r="Y7" s="9">
        <v>28</v>
      </c>
      <c r="Z7" s="9">
        <v>2</v>
      </c>
      <c r="AA7" s="9">
        <v>14</v>
      </c>
      <c r="AB7" s="9">
        <v>11</v>
      </c>
      <c r="AC7" s="9" t="s">
        <v>58</v>
      </c>
      <c r="AD7" s="9">
        <v>2</v>
      </c>
      <c r="AE7" s="9">
        <v>12</v>
      </c>
      <c r="AF7" s="9">
        <v>4</v>
      </c>
      <c r="AG7" s="9">
        <v>1</v>
      </c>
      <c r="AH7" s="9">
        <v>3</v>
      </c>
      <c r="AI7" s="9" t="s">
        <v>58</v>
      </c>
      <c r="AJ7" s="9">
        <v>1</v>
      </c>
      <c r="AK7" s="9" t="s">
        <v>58</v>
      </c>
      <c r="AL7" s="9">
        <v>2</v>
      </c>
      <c r="AM7" s="9">
        <v>1</v>
      </c>
      <c r="AN7" s="9" t="s">
        <v>58</v>
      </c>
      <c r="AO7" s="9" t="s">
        <v>58</v>
      </c>
      <c r="AP7" s="9" t="s">
        <v>58</v>
      </c>
      <c r="AQ7" s="9" t="s">
        <v>58</v>
      </c>
      <c r="AR7" s="9">
        <v>1</v>
      </c>
      <c r="AS7" s="9" t="s">
        <v>58</v>
      </c>
      <c r="AT7" s="9" t="s">
        <v>58</v>
      </c>
      <c r="AU7" s="9" t="s">
        <v>58</v>
      </c>
      <c r="AV7" s="9" t="s">
        <v>58</v>
      </c>
      <c r="AW7" s="9" t="s">
        <v>58</v>
      </c>
      <c r="AX7" s="9">
        <v>1</v>
      </c>
      <c r="AY7" s="9" t="s">
        <v>58</v>
      </c>
      <c r="AZ7" s="9" t="s">
        <v>58</v>
      </c>
      <c r="BA7" s="12" t="s">
        <v>58</v>
      </c>
    </row>
    <row r="8" spans="1:53" ht="57.75" customHeight="1">
      <c r="A8" s="7">
        <v>28</v>
      </c>
      <c r="B8" s="9">
        <v>698</v>
      </c>
      <c r="C8" s="9">
        <v>381</v>
      </c>
      <c r="D8" s="9">
        <v>317</v>
      </c>
      <c r="E8" s="9">
        <v>109</v>
      </c>
      <c r="F8" s="9">
        <v>589</v>
      </c>
      <c r="G8" s="9">
        <v>8</v>
      </c>
      <c r="H8" s="9" t="s">
        <v>61</v>
      </c>
      <c r="I8" s="9">
        <v>1</v>
      </c>
      <c r="J8" s="9">
        <v>3</v>
      </c>
      <c r="K8" s="9">
        <v>2</v>
      </c>
      <c r="L8" s="9">
        <v>5</v>
      </c>
      <c r="M8" s="9">
        <v>2</v>
      </c>
      <c r="N8" s="9">
        <v>11</v>
      </c>
      <c r="O8" s="9">
        <v>6</v>
      </c>
      <c r="P8" s="9">
        <v>57</v>
      </c>
      <c r="Q8" s="9">
        <v>34</v>
      </c>
      <c r="R8" s="9">
        <v>48</v>
      </c>
      <c r="S8" s="9">
        <v>222</v>
      </c>
      <c r="T8" s="9">
        <v>56</v>
      </c>
      <c r="U8" s="9">
        <v>26</v>
      </c>
      <c r="V8" s="9">
        <v>8</v>
      </c>
      <c r="W8" s="9">
        <v>11</v>
      </c>
      <c r="X8" s="9">
        <v>1</v>
      </c>
      <c r="Y8" s="9">
        <v>33</v>
      </c>
      <c r="Z8" s="9">
        <v>4</v>
      </c>
      <c r="AA8" s="9">
        <v>9</v>
      </c>
      <c r="AB8" s="9">
        <v>18</v>
      </c>
      <c r="AC8" s="9" t="s">
        <v>58</v>
      </c>
      <c r="AD8" s="9">
        <v>2</v>
      </c>
      <c r="AE8" s="9">
        <v>13</v>
      </c>
      <c r="AF8" s="9">
        <v>6</v>
      </c>
      <c r="AG8" s="9">
        <v>2</v>
      </c>
      <c r="AH8" s="9">
        <v>1</v>
      </c>
      <c r="AI8" s="9" t="s">
        <v>58</v>
      </c>
      <c r="AJ8" s="9" t="s">
        <v>58</v>
      </c>
      <c r="AK8" s="9" t="s">
        <v>58</v>
      </c>
      <c r="AL8" s="9" t="s">
        <v>58</v>
      </c>
      <c r="AM8" s="9" t="s">
        <v>58</v>
      </c>
      <c r="AN8" s="9" t="s">
        <v>58</v>
      </c>
      <c r="AO8" s="9" t="s">
        <v>58</v>
      </c>
      <c r="AP8" s="9" t="s">
        <v>58</v>
      </c>
      <c r="AQ8" s="9" t="s">
        <v>58</v>
      </c>
      <c r="AR8" s="9" t="s">
        <v>58</v>
      </c>
      <c r="AS8" s="9" t="s">
        <v>58</v>
      </c>
      <c r="AT8" s="9" t="s">
        <v>58</v>
      </c>
      <c r="AU8" s="9" t="s">
        <v>58</v>
      </c>
      <c r="AV8" s="9" t="s">
        <v>58</v>
      </c>
      <c r="AW8" s="9" t="s">
        <v>58</v>
      </c>
      <c r="AX8" s="9" t="s">
        <v>58</v>
      </c>
      <c r="AY8" s="9" t="s">
        <v>58</v>
      </c>
      <c r="AZ8" s="9" t="s">
        <v>58</v>
      </c>
      <c r="BA8" s="9" t="s">
        <v>58</v>
      </c>
    </row>
    <row r="9" spans="1:53" ht="57.75" customHeight="1">
      <c r="A9" s="7">
        <v>29</v>
      </c>
      <c r="B9" s="9">
        <v>720</v>
      </c>
      <c r="C9" s="9">
        <v>387</v>
      </c>
      <c r="D9" s="9">
        <v>333</v>
      </c>
      <c r="E9" s="9">
        <v>115</v>
      </c>
      <c r="F9" s="9">
        <v>605</v>
      </c>
      <c r="G9" s="9">
        <v>6</v>
      </c>
      <c r="H9" s="9" t="s">
        <v>58</v>
      </c>
      <c r="I9" s="9">
        <v>5</v>
      </c>
      <c r="J9" s="9">
        <v>9</v>
      </c>
      <c r="K9" s="9">
        <v>4</v>
      </c>
      <c r="L9" s="9">
        <v>3</v>
      </c>
      <c r="M9" s="9">
        <v>5</v>
      </c>
      <c r="N9" s="9">
        <v>16</v>
      </c>
      <c r="O9" s="9">
        <v>8</v>
      </c>
      <c r="P9" s="9">
        <v>67</v>
      </c>
      <c r="Q9" s="9">
        <v>50</v>
      </c>
      <c r="R9" s="9">
        <v>30</v>
      </c>
      <c r="S9" s="9">
        <v>221</v>
      </c>
      <c r="T9" s="9">
        <v>65</v>
      </c>
      <c r="U9" s="9">
        <v>13</v>
      </c>
      <c r="V9" s="9">
        <v>11</v>
      </c>
      <c r="W9" s="9">
        <v>17</v>
      </c>
      <c r="X9" s="9">
        <v>4</v>
      </c>
      <c r="Y9" s="9">
        <v>16</v>
      </c>
      <c r="Z9" s="9">
        <v>4</v>
      </c>
      <c r="AA9" s="9">
        <v>3</v>
      </c>
      <c r="AB9" s="9">
        <v>9</v>
      </c>
      <c r="AC9" s="9">
        <v>2</v>
      </c>
      <c r="AD9" s="9">
        <v>1</v>
      </c>
      <c r="AE9" s="9">
        <v>19</v>
      </c>
      <c r="AF9" s="9">
        <v>4</v>
      </c>
      <c r="AG9" s="9">
        <v>3</v>
      </c>
      <c r="AH9" s="9">
        <v>6</v>
      </c>
      <c r="AI9" s="9" t="s">
        <v>58</v>
      </c>
      <c r="AJ9" s="9">
        <v>1</v>
      </c>
      <c r="AK9" s="9" t="s">
        <v>58</v>
      </c>
      <c r="AL9" s="9" t="s">
        <v>58</v>
      </c>
      <c r="AM9" s="9" t="s">
        <v>58</v>
      </c>
      <c r="AN9" s="9" t="s">
        <v>58</v>
      </c>
      <c r="AO9" s="9" t="s">
        <v>58</v>
      </c>
      <c r="AP9" s="9" t="s">
        <v>58</v>
      </c>
      <c r="AQ9" s="9">
        <v>1</v>
      </c>
      <c r="AR9" s="9">
        <v>1</v>
      </c>
      <c r="AS9" s="9" t="s">
        <v>58</v>
      </c>
      <c r="AT9" s="9" t="s">
        <v>58</v>
      </c>
      <c r="AU9" s="9" t="s">
        <v>58</v>
      </c>
      <c r="AV9" s="9" t="s">
        <v>58</v>
      </c>
      <c r="AW9" s="9" t="s">
        <v>58</v>
      </c>
      <c r="AX9" s="9">
        <v>1</v>
      </c>
      <c r="AY9" s="9" t="s">
        <v>58</v>
      </c>
      <c r="AZ9" s="9" t="s">
        <v>58</v>
      </c>
      <c r="BA9" s="9" t="s">
        <v>58</v>
      </c>
    </row>
    <row r="10" spans="1:53" ht="57.75" customHeight="1">
      <c r="A10" s="7">
        <v>30</v>
      </c>
      <c r="B10" s="9">
        <v>690</v>
      </c>
      <c r="C10" s="9">
        <v>328</v>
      </c>
      <c r="D10" s="9">
        <v>362</v>
      </c>
      <c r="E10" s="9">
        <v>131</v>
      </c>
      <c r="F10" s="9">
        <v>559</v>
      </c>
      <c r="G10" s="9">
        <v>4</v>
      </c>
      <c r="H10" s="9">
        <v>2</v>
      </c>
      <c r="I10" s="9">
        <v>1</v>
      </c>
      <c r="J10" s="9">
        <v>6</v>
      </c>
      <c r="K10" s="9">
        <v>2</v>
      </c>
      <c r="L10" s="9">
        <v>2</v>
      </c>
      <c r="M10" s="9">
        <v>1</v>
      </c>
      <c r="N10" s="9">
        <v>7</v>
      </c>
      <c r="O10" s="9">
        <v>8</v>
      </c>
      <c r="P10" s="9">
        <v>45</v>
      </c>
      <c r="Q10" s="9">
        <v>49</v>
      </c>
      <c r="R10" s="9">
        <v>42</v>
      </c>
      <c r="S10" s="9">
        <v>219</v>
      </c>
      <c r="T10" s="9">
        <v>55</v>
      </c>
      <c r="U10" s="9">
        <v>14</v>
      </c>
      <c r="V10" s="9">
        <v>10</v>
      </c>
      <c r="W10" s="9">
        <v>17</v>
      </c>
      <c r="X10" s="9">
        <v>3</v>
      </c>
      <c r="Y10" s="9">
        <v>26</v>
      </c>
      <c r="Z10" s="9">
        <v>4</v>
      </c>
      <c r="AA10" s="9">
        <v>7</v>
      </c>
      <c r="AB10" s="9">
        <v>9</v>
      </c>
      <c r="AC10" s="9">
        <v>4</v>
      </c>
      <c r="AD10" s="9">
        <v>1</v>
      </c>
      <c r="AE10" s="9">
        <v>9</v>
      </c>
      <c r="AF10" s="9">
        <v>2</v>
      </c>
      <c r="AG10" s="9">
        <v>2</v>
      </c>
      <c r="AH10" s="9" t="s">
        <v>58</v>
      </c>
      <c r="AI10" s="9">
        <v>1</v>
      </c>
      <c r="AJ10" s="9" t="s">
        <v>58</v>
      </c>
      <c r="AK10" s="9" t="s">
        <v>58</v>
      </c>
      <c r="AL10" s="9" t="s">
        <v>58</v>
      </c>
      <c r="AM10" s="9">
        <v>2</v>
      </c>
      <c r="AN10" s="9">
        <v>1</v>
      </c>
      <c r="AO10" s="9" t="s">
        <v>58</v>
      </c>
      <c r="AP10" s="9" t="s">
        <v>58</v>
      </c>
      <c r="AQ10" s="9">
        <v>1</v>
      </c>
      <c r="AR10" s="9" t="s">
        <v>58</v>
      </c>
      <c r="AS10" s="9" t="s">
        <v>58</v>
      </c>
      <c r="AT10" s="9">
        <v>1</v>
      </c>
      <c r="AU10" s="9">
        <v>1</v>
      </c>
      <c r="AV10" s="9">
        <v>1</v>
      </c>
      <c r="AW10" s="9" t="s">
        <v>58</v>
      </c>
      <c r="AX10" s="9" t="s">
        <v>58</v>
      </c>
      <c r="AY10" s="9" t="s">
        <v>58</v>
      </c>
      <c r="AZ10" s="9" t="s">
        <v>58</v>
      </c>
      <c r="BA10" s="9" t="s">
        <v>58</v>
      </c>
    </row>
    <row r="11" spans="1:53" ht="57.75" customHeight="1">
      <c r="A11" s="7">
        <v>31</v>
      </c>
      <c r="B11" s="13">
        <v>700</v>
      </c>
      <c r="C11" s="14">
        <v>395</v>
      </c>
      <c r="D11" s="14">
        <v>305</v>
      </c>
      <c r="E11" s="15">
        <v>101</v>
      </c>
      <c r="F11" s="15">
        <v>599</v>
      </c>
      <c r="G11" s="15">
        <v>10</v>
      </c>
      <c r="H11" s="15">
        <v>0</v>
      </c>
      <c r="I11" s="15">
        <v>2</v>
      </c>
      <c r="J11" s="15">
        <v>4</v>
      </c>
      <c r="K11" s="15">
        <v>1</v>
      </c>
      <c r="L11" s="15">
        <v>6</v>
      </c>
      <c r="M11" s="15">
        <v>0</v>
      </c>
      <c r="N11" s="15">
        <v>4</v>
      </c>
      <c r="O11" s="15">
        <v>11</v>
      </c>
      <c r="P11" s="15">
        <v>65</v>
      </c>
      <c r="Q11" s="15">
        <v>53</v>
      </c>
      <c r="R11" s="15">
        <v>29</v>
      </c>
      <c r="S11" s="15">
        <v>215</v>
      </c>
      <c r="T11" s="15">
        <v>64</v>
      </c>
      <c r="U11" s="15">
        <v>24</v>
      </c>
      <c r="V11" s="15">
        <v>10</v>
      </c>
      <c r="W11" s="15">
        <v>12</v>
      </c>
      <c r="X11" s="15">
        <v>2</v>
      </c>
      <c r="Y11" s="15">
        <v>29</v>
      </c>
      <c r="Z11" s="15">
        <v>1</v>
      </c>
      <c r="AA11" s="15">
        <v>9</v>
      </c>
      <c r="AB11" s="15">
        <v>17</v>
      </c>
      <c r="AC11" s="15">
        <v>1</v>
      </c>
      <c r="AD11" s="15">
        <v>1</v>
      </c>
      <c r="AE11" s="15">
        <v>11</v>
      </c>
      <c r="AF11" s="15">
        <v>7</v>
      </c>
      <c r="AG11" s="15">
        <v>4</v>
      </c>
      <c r="AH11" s="15">
        <v>3</v>
      </c>
      <c r="AI11" s="15">
        <v>0</v>
      </c>
      <c r="AJ11" s="15">
        <v>0</v>
      </c>
      <c r="AK11" s="15">
        <v>0</v>
      </c>
      <c r="AL11" s="15">
        <v>0</v>
      </c>
      <c r="AM11" s="15">
        <v>1</v>
      </c>
      <c r="AN11" s="15">
        <v>1</v>
      </c>
      <c r="AO11" s="15">
        <v>0</v>
      </c>
      <c r="AP11" s="15">
        <v>0</v>
      </c>
      <c r="AQ11" s="15">
        <v>1</v>
      </c>
      <c r="AR11" s="15">
        <v>0</v>
      </c>
      <c r="AS11" s="15">
        <v>0</v>
      </c>
      <c r="AT11" s="15">
        <v>0</v>
      </c>
      <c r="AU11" s="15">
        <v>0</v>
      </c>
      <c r="AV11" s="15">
        <v>0</v>
      </c>
      <c r="AW11" s="15">
        <v>0</v>
      </c>
      <c r="AX11" s="15">
        <v>1</v>
      </c>
      <c r="AY11" s="15">
        <v>0</v>
      </c>
      <c r="AZ11" s="15">
        <v>0</v>
      </c>
      <c r="BA11" s="9" t="s">
        <v>58</v>
      </c>
    </row>
    <row r="12" spans="1:53">
      <c r="A12" s="10" t="s">
        <v>56</v>
      </c>
      <c r="B12" s="10"/>
      <c r="C12" s="11"/>
      <c r="D12" s="11"/>
      <c r="E12" s="11"/>
      <c r="F12" s="11"/>
      <c r="G12" s="11"/>
      <c r="H12" s="11"/>
      <c r="I12" s="11"/>
      <c r="J12" s="11"/>
      <c r="K12" s="11"/>
      <c r="L12" s="11"/>
      <c r="M12" s="11"/>
      <c r="N12" s="11"/>
      <c r="O12" s="11"/>
      <c r="P12" s="11"/>
      <c r="Q12" s="11"/>
      <c r="R12" s="11"/>
      <c r="S12" s="11"/>
      <c r="T12" s="11"/>
      <c r="U12" s="11"/>
      <c r="V12" s="11"/>
      <c r="W12" s="11"/>
      <c r="X12" s="11"/>
      <c r="Y12" s="11"/>
      <c r="Z12" s="11"/>
      <c r="AA12" s="11"/>
      <c r="AB12" s="11"/>
      <c r="AC12" s="11"/>
      <c r="AD12" s="11"/>
      <c r="AE12" s="11"/>
      <c r="AF12" s="11"/>
      <c r="AG12" s="11"/>
      <c r="AH12" s="11"/>
      <c r="AI12" s="11"/>
      <c r="AJ12" s="11"/>
      <c r="AK12" s="11"/>
      <c r="AL12" s="11"/>
      <c r="AM12" s="11"/>
      <c r="AN12" s="11"/>
      <c r="AO12" s="11"/>
      <c r="AP12" s="11"/>
      <c r="AQ12" s="11"/>
      <c r="AR12" s="11"/>
      <c r="AS12" s="11"/>
      <c r="AT12" s="11"/>
      <c r="AU12" s="11"/>
      <c r="AV12" s="11"/>
      <c r="AW12" s="11"/>
      <c r="AX12" s="11"/>
      <c r="AY12" s="11"/>
      <c r="AZ12" s="11"/>
      <c r="BA12" s="11"/>
    </row>
    <row r="13" spans="1:53">
      <c r="A13" s="5" t="s">
        <v>7</v>
      </c>
      <c r="B13" s="5"/>
    </row>
  </sheetData>
  <mergeCells count="51">
    <mergeCell ref="H2:H3"/>
    <mergeCell ref="A2:A3"/>
    <mergeCell ref="B2:D2"/>
    <mergeCell ref="E2:E3"/>
    <mergeCell ref="F2:F3"/>
    <mergeCell ref="G2:G3"/>
    <mergeCell ref="T2:T3"/>
    <mergeCell ref="I2:I3"/>
    <mergeCell ref="J2:J3"/>
    <mergeCell ref="K2:K3"/>
    <mergeCell ref="L2:L3"/>
    <mergeCell ref="M2:M3"/>
    <mergeCell ref="N2:N3"/>
    <mergeCell ref="O2:O3"/>
    <mergeCell ref="P2:P3"/>
    <mergeCell ref="Q2:Q3"/>
    <mergeCell ref="R2:R3"/>
    <mergeCell ref="S2:S3"/>
    <mergeCell ref="U2:U3"/>
    <mergeCell ref="V2:V3"/>
    <mergeCell ref="W2:W3"/>
    <mergeCell ref="X2:X3"/>
    <mergeCell ref="Y2:Y3"/>
    <mergeCell ref="AL2:AL3"/>
    <mergeCell ref="Z2:Z3"/>
    <mergeCell ref="AA2:AA3"/>
    <mergeCell ref="AB2:AB3"/>
    <mergeCell ref="AC2:AC3"/>
    <mergeCell ref="AD2:AD3"/>
    <mergeCell ref="AE2:AE3"/>
    <mergeCell ref="AK2:AK3"/>
    <mergeCell ref="AF2:AF3"/>
    <mergeCell ref="AG2:AG3"/>
    <mergeCell ref="AH2:AH3"/>
    <mergeCell ref="AI2:AI3"/>
    <mergeCell ref="AJ2:AJ3"/>
    <mergeCell ref="AM2:AM3"/>
    <mergeCell ref="AN2:AN3"/>
    <mergeCell ref="AY2:AY3"/>
    <mergeCell ref="AZ2:AZ3"/>
    <mergeCell ref="BA2:BA3"/>
    <mergeCell ref="AR2:AR3"/>
    <mergeCell ref="AS2:AS3"/>
    <mergeCell ref="AT2:AT3"/>
    <mergeCell ref="AU2:AU3"/>
    <mergeCell ref="AV2:AV3"/>
    <mergeCell ref="AX2:AX3"/>
    <mergeCell ref="AW2:AW3"/>
    <mergeCell ref="AO2:AO3"/>
    <mergeCell ref="AP2:AP3"/>
    <mergeCell ref="AQ2:AQ3"/>
  </mergeCells>
  <phoneticPr fontId="1"/>
  <printOptions horizontalCentered="1"/>
  <pageMargins left="0.19685039370078741" right="0.19685039370078741" top="0.98425196850393704" bottom="0.98425196850393704" header="0.51181102362204722" footer="0.51181102362204722"/>
  <pageSetup paperSize="9" scale="8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20-1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6T03:37:08Z</cp:lastPrinted>
  <dcterms:created xsi:type="dcterms:W3CDTF">1997-01-08T22:48:59Z</dcterms:created>
  <dcterms:modified xsi:type="dcterms:W3CDTF">2021-02-06T03:37:10Z</dcterms:modified>
</cp:coreProperties>
</file>